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5_浜田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3" uniqueCount="750">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おさだ眼科クリニック</t>
    <phoneticPr fontId="3"/>
  </si>
  <si>
    <t>〒697-0022 島根県浜田市浅井町１５０８－１１</t>
    <phoneticPr fontId="3"/>
  </si>
  <si>
    <t>〇</t>
  </si>
  <si>
    <t>個人</t>
  </si>
  <si>
    <t>眼科</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71271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6</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6</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6</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6</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6</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22</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4</v>
      </c>
      <c r="K171" s="118" t="str">
        <f t="shared" ref="K171:K186" si="2">IF(OR(COUNTIF(L171:O171,"未確認")&gt;0,COUNTIF(L171:O171,"*")&gt;0),"※","")</f>
        <v/>
      </c>
      <c r="L171" s="212">
        <v>0</v>
      </c>
      <c r="M171" s="212">
        <v>0</v>
      </c>
      <c r="N171" s="212">
        <v>4</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v>0</v>
      </c>
      <c r="M172" s="213">
        <v>0</v>
      </c>
      <c r="N172" s="213">
        <v>0</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3</v>
      </c>
      <c r="K173" s="118" t="str">
        <f t="shared" si="2"/>
        <v/>
      </c>
      <c r="L173" s="212">
        <v>0</v>
      </c>
      <c r="M173" s="212">
        <v>0</v>
      </c>
      <c r="N173" s="212">
        <v>3</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5</v>
      </c>
      <c r="K174" s="118" t="str">
        <f t="shared" si="2"/>
        <v/>
      </c>
      <c r="L174" s="213">
        <v>0</v>
      </c>
      <c r="M174" s="213">
        <v>0</v>
      </c>
      <c r="N174" s="213">
        <v>0.5</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1</v>
      </c>
      <c r="K175" s="118" t="str">
        <f t="shared" si="2"/>
        <v/>
      </c>
      <c r="L175" s="212">
        <v>0</v>
      </c>
      <c r="M175" s="212">
        <v>0</v>
      </c>
      <c r="N175" s="212">
        <v>1</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v>0</v>
      </c>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1</v>
      </c>
      <c r="K185" s="118" t="str">
        <f t="shared" si="2"/>
        <v/>
      </c>
      <c r="L185" s="212">
        <v>0</v>
      </c>
      <c r="M185" s="212">
        <v>0</v>
      </c>
      <c r="N185" s="212">
        <v>1</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5</v>
      </c>
      <c r="K186" s="118" t="str">
        <f t="shared" si="2"/>
        <v/>
      </c>
      <c r="L186" s="213">
        <v>0</v>
      </c>
      <c r="M186" s="213">
        <v>0</v>
      </c>
      <c r="N186" s="213">
        <v>0.5</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318</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636</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318</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318</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318</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0</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318</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318</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0</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0</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318</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0</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318</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t="s">
        <v>749</v>
      </c>
      <c r="K332" s="118" t="str">
        <f>IF(OR(COUNTIF(J332,"未確認")&gt;0,COUNTIF(J332,"*")&gt;0),"※","")</f>
        <v>※</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v>0</v>
      </c>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24</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v>0</v>
      </c>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v>0</v>
      </c>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v>0</v>
      </c>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24</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v>0</v>
      </c>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0</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v>0</v>
      </c>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0</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0</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318</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4:59Z</dcterms:modified>
</cp:coreProperties>
</file>